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3321\Desktop\紙おむつ異動票\"/>
    </mc:Choice>
  </mc:AlternateContent>
  <bookViews>
    <workbookView xWindow="0" yWindow="0" windowWidth="20490" windowHeight="723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35">
  <si>
    <t>様</t>
    <rPh sb="0" eb="1">
      <t>サマ</t>
    </rPh>
    <phoneticPr fontId="1"/>
  </si>
  <si>
    <r>
      <rPr>
        <sz val="16"/>
        <color theme="1"/>
        <rFont val="ＭＳ Ｐゴシック"/>
        <family val="3"/>
        <charset val="128"/>
        <scheme val="minor"/>
      </rPr>
      <t>狭山市　紙おむつ異動届　ＦＡＸ送信票</t>
    </r>
    <r>
      <rPr>
        <sz val="11"/>
        <color theme="1"/>
        <rFont val="ＭＳ Ｐゴシック"/>
        <family val="2"/>
        <charset val="128"/>
        <scheme val="minor"/>
      </rPr>
      <t>　　　　　　　　令和　　　　　年　　　　　月　　　　　日</t>
    </r>
    <rPh sb="0" eb="3">
      <t>サヤマシ</t>
    </rPh>
    <rPh sb="4" eb="5">
      <t>カミ</t>
    </rPh>
    <rPh sb="8" eb="10">
      <t>イドウ</t>
    </rPh>
    <rPh sb="10" eb="11">
      <t>トドケ</t>
    </rPh>
    <rPh sb="15" eb="17">
      <t>ソウシン</t>
    </rPh>
    <rPh sb="17" eb="18">
      <t>ヒョウ</t>
    </rPh>
    <rPh sb="26" eb="28">
      <t>レイワ</t>
    </rPh>
    <rPh sb="33" eb="34">
      <t>ネン</t>
    </rPh>
    <rPh sb="39" eb="40">
      <t>ガツ</t>
    </rPh>
    <rPh sb="45" eb="46">
      <t>ニチ</t>
    </rPh>
    <phoneticPr fontId="1"/>
  </si>
  <si>
    <t>令和　　　　　年　　　　　月分　より　よろしくお願いいたします。</t>
    <rPh sb="0" eb="2">
      <t>レイワ</t>
    </rPh>
    <rPh sb="7" eb="8">
      <t>ネン</t>
    </rPh>
    <rPh sb="13" eb="14">
      <t>ガツ</t>
    </rPh>
    <rPh sb="14" eb="15">
      <t>ブン</t>
    </rPh>
    <rPh sb="24" eb="25">
      <t>ネガ</t>
    </rPh>
    <phoneticPr fontId="1"/>
  </si>
  <si>
    <t>□区分変更　　　　□内容変更　　　　□再開</t>
    <rPh sb="1" eb="3">
      <t>クブン</t>
    </rPh>
    <rPh sb="3" eb="5">
      <t>ヘンコウ</t>
    </rPh>
    <rPh sb="10" eb="12">
      <t>ナイヨウ</t>
    </rPh>
    <rPh sb="12" eb="14">
      <t>ヘンコウ</t>
    </rPh>
    <rPh sb="19" eb="21">
      <t>サイカイ</t>
    </rPh>
    <phoneticPr fontId="1"/>
  </si>
  <si>
    <t>変更（再開）後</t>
    <rPh sb="0" eb="2">
      <t>ヘンコウ</t>
    </rPh>
    <rPh sb="3" eb="5">
      <t>サイカイ</t>
    </rPh>
    <rPh sb="6" eb="7">
      <t>アト</t>
    </rPh>
    <phoneticPr fontId="1"/>
  </si>
  <si>
    <t>商品名</t>
    <rPh sb="0" eb="3">
      <t>ショウヒンメイ</t>
    </rPh>
    <phoneticPr fontId="1"/>
  </si>
  <si>
    <t>パック数</t>
    <rPh sb="3" eb="4">
      <t>スウ</t>
    </rPh>
    <phoneticPr fontId="1"/>
  </si>
  <si>
    <t>ふりがな</t>
    <phoneticPr fontId="1"/>
  </si>
  <si>
    <t>氏名</t>
    <rPh sb="0" eb="2">
      <t>シメイ</t>
    </rPh>
    <phoneticPr fontId="1"/>
  </si>
  <si>
    <t>□ふれあい広場</t>
    <rPh sb="5" eb="7">
      <t>ヒロバ</t>
    </rPh>
    <phoneticPr fontId="1"/>
  </si>
  <si>
    <t>□白十字販売</t>
    <rPh sb="1" eb="4">
      <t>ハクジュウジ</t>
    </rPh>
    <rPh sb="4" eb="6">
      <t>ハンバイ</t>
    </rPh>
    <phoneticPr fontId="1"/>
  </si>
  <si>
    <t>□成玉舎</t>
    <rPh sb="1" eb="2">
      <t>セイ</t>
    </rPh>
    <rPh sb="2" eb="3">
      <t>ギョク</t>
    </rPh>
    <rPh sb="3" eb="4">
      <t>シャ</t>
    </rPh>
    <phoneticPr fontId="1"/>
  </si>
  <si>
    <t>□日本ケアーシステム</t>
    <rPh sb="1" eb="3">
      <t>ニホン</t>
    </rPh>
    <phoneticPr fontId="1"/>
  </si>
  <si>
    <t>ＴＥＬ</t>
    <phoneticPr fontId="1"/>
  </si>
  <si>
    <t>ＦＡＸ</t>
    <phoneticPr fontId="1"/>
  </si>
  <si>
    <t>事業所名</t>
    <rPh sb="0" eb="3">
      <t>ジギョウショ</t>
    </rPh>
    <rPh sb="3" eb="4">
      <t>メイ</t>
    </rPh>
    <phoneticPr fontId="1"/>
  </si>
  <si>
    <t>担当者名</t>
    <rPh sb="0" eb="3">
      <t>タントウシャ</t>
    </rPh>
    <rPh sb="3" eb="4">
      <t>メイ</t>
    </rPh>
    <phoneticPr fontId="1"/>
  </si>
  <si>
    <t>ＦＡＸ　04-2956-6543</t>
    <phoneticPr fontId="1"/>
  </si>
  <si>
    <t>ＦＡＸ　03-5950-6253</t>
    <phoneticPr fontId="1"/>
  </si>
  <si>
    <t>ＦＡＸ　0120-89-0223</t>
    <phoneticPr fontId="1"/>
  </si>
  <si>
    <t>ＦＡＸ　048-284-5310</t>
    <phoneticPr fontId="1"/>
  </si>
  <si>
    <t>　Ｎｏ</t>
  </si>
  <si>
    <t>商品No</t>
    <rPh sb="0" eb="2">
      <t>ショウヒン</t>
    </rPh>
    <phoneticPr fontId="1"/>
  </si>
  <si>
    <t>商品名</t>
    <rPh sb="0" eb="3">
      <t>ショウヒンメイ</t>
    </rPh>
    <phoneticPr fontId="1"/>
  </si>
  <si>
    <t>サイズ・種類・入数</t>
    <rPh sb="4" eb="6">
      <t>シュルイ</t>
    </rPh>
    <rPh sb="7" eb="9">
      <t>イリスウ</t>
    </rPh>
    <phoneticPr fontId="1"/>
  </si>
  <si>
    <t>パック数</t>
    <rPh sb="3" eb="4">
      <t>スウ</t>
    </rPh>
    <phoneticPr fontId="1"/>
  </si>
  <si>
    <t>　□廃止　（入院・入所）</t>
    <rPh sb="2" eb="4">
      <t>ハイシ</t>
    </rPh>
    <rPh sb="6" eb="8">
      <t>ニュウイン</t>
    </rPh>
    <rPh sb="9" eb="11">
      <t>ニュウショ</t>
    </rPh>
    <phoneticPr fontId="1"/>
  </si>
  <si>
    <t>　□中止　（在庫あり）</t>
    <rPh sb="2" eb="4">
      <t>チュウシ</t>
    </rPh>
    <rPh sb="6" eb="8">
      <t>ザイコ</t>
    </rPh>
    <phoneticPr fontId="1"/>
  </si>
  <si>
    <t>　□中止　（入院・入所）</t>
    <rPh sb="2" eb="4">
      <t>チュウシ</t>
    </rPh>
    <rPh sb="6" eb="8">
      <t>ニュウイン</t>
    </rPh>
    <rPh sb="9" eb="11">
      <t>ニュウショ</t>
    </rPh>
    <phoneticPr fontId="1"/>
  </si>
  <si>
    <t>　□当月のみ中止　（入院・入所）</t>
    <rPh sb="2" eb="4">
      <t>トウゲツ</t>
    </rPh>
    <rPh sb="6" eb="8">
      <t>チュウシ</t>
    </rPh>
    <rPh sb="10" eb="12">
      <t>ニュウイン</t>
    </rPh>
    <rPh sb="13" eb="15">
      <t>ニュウショ</t>
    </rPh>
    <phoneticPr fontId="1"/>
  </si>
  <si>
    <t>　□当月のみ中止　（在庫あり）</t>
    <rPh sb="2" eb="4">
      <t>トウゲツ</t>
    </rPh>
    <rPh sb="6" eb="8">
      <t>チュウシ</t>
    </rPh>
    <rPh sb="10" eb="12">
      <t>ザイコ</t>
    </rPh>
    <phoneticPr fontId="1"/>
  </si>
  <si>
    <t>　□廃止　（死亡）</t>
    <rPh sb="2" eb="4">
      <t>ハイシ</t>
    </rPh>
    <rPh sb="6" eb="8">
      <t>シボウ</t>
    </rPh>
    <phoneticPr fontId="1"/>
  </si>
  <si>
    <t>　□廃止　（配送業者の変更）</t>
    <rPh sb="2" eb="4">
      <t>ハイシ</t>
    </rPh>
    <rPh sb="6" eb="8">
      <t>ハイソウ</t>
    </rPh>
    <rPh sb="8" eb="10">
      <t>ギョウシャ</t>
    </rPh>
    <rPh sb="11" eb="13">
      <t>ヘンコウ</t>
    </rPh>
    <phoneticPr fontId="1"/>
  </si>
  <si>
    <t>　Ｎｏ</t>
    <phoneticPr fontId="1"/>
  </si>
  <si>
    <t>　□その他（　　　　　　　　　　　　　　）</t>
    <rPh sb="4" eb="5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0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13" xfId="0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0" fillId="0" borderId="5" xfId="0" applyFill="1" applyBorder="1" applyAlignment="1">
      <alignment vertical="center"/>
    </xf>
    <xf numFmtId="0" fontId="0" fillId="0" borderId="4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0" fillId="0" borderId="12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30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3" xfId="0" applyFill="1" applyBorder="1" applyAlignment="1">
      <alignment horizontal="left" vertical="center"/>
    </xf>
    <xf numFmtId="0" fontId="0" fillId="0" borderId="0" xfId="0" applyFill="1" applyBorder="1" applyAlignment="1">
      <alignment horizontal="left" vertical="center"/>
    </xf>
    <xf numFmtId="0" fontId="0" fillId="0" borderId="5" xfId="0" applyFill="1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12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14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32" xfId="0" applyBorder="1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5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K197"/>
  <sheetViews>
    <sheetView tabSelected="1" zoomScale="90" zoomScaleNormal="90" workbookViewId="0">
      <selection activeCell="N25" sqref="N25:S25"/>
    </sheetView>
  </sheetViews>
  <sheetFormatPr defaultRowHeight="13.5" x14ac:dyDescent="0.15"/>
  <cols>
    <col min="1" max="9" width="3.625" customWidth="1"/>
    <col min="10" max="10" width="1" customWidth="1"/>
    <col min="11" max="36" width="3.625" customWidth="1"/>
  </cols>
  <sheetData>
    <row r="1" spans="2:36" ht="12" customHeight="1" x14ac:dyDescent="0.15">
      <c r="B1" s="13" t="s">
        <v>1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  <c r="AD1" s="13"/>
      <c r="AE1" s="13"/>
      <c r="AF1" s="13"/>
      <c r="AG1" s="13"/>
      <c r="AH1" s="13"/>
      <c r="AI1" s="13"/>
      <c r="AJ1" s="13"/>
    </row>
    <row r="2" spans="2:36" ht="12" customHeight="1" thickBot="1" x14ac:dyDescent="0.2">
      <c r="B2" s="13"/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  <c r="N2" s="13"/>
      <c r="O2" s="13"/>
      <c r="P2" s="13"/>
      <c r="Q2" s="13"/>
      <c r="R2" s="13"/>
      <c r="S2" s="13"/>
      <c r="T2" s="13"/>
      <c r="U2" s="13"/>
      <c r="V2" s="13"/>
      <c r="W2" s="13"/>
      <c r="X2" s="13"/>
      <c r="Y2" s="13"/>
      <c r="Z2" s="13"/>
      <c r="AA2" s="13"/>
      <c r="AB2" s="13"/>
      <c r="AC2" s="13"/>
      <c r="AD2" s="13"/>
      <c r="AE2" s="13"/>
      <c r="AF2" s="13"/>
      <c r="AG2" s="13"/>
      <c r="AH2" s="13"/>
      <c r="AI2" s="13"/>
      <c r="AJ2" s="13"/>
    </row>
    <row r="3" spans="2:36" ht="12" customHeight="1" x14ac:dyDescent="0.15">
      <c r="B3" s="34" t="s">
        <v>9</v>
      </c>
      <c r="C3" s="15"/>
      <c r="D3" s="15"/>
      <c r="E3" s="15"/>
      <c r="F3" s="15"/>
      <c r="G3" s="35"/>
      <c r="H3" s="14" t="s">
        <v>10</v>
      </c>
      <c r="I3" s="15"/>
      <c r="J3" s="15"/>
      <c r="K3" s="15"/>
      <c r="L3" s="15"/>
      <c r="M3" s="35"/>
      <c r="N3" s="14" t="s">
        <v>11</v>
      </c>
      <c r="O3" s="15"/>
      <c r="P3" s="15"/>
      <c r="Q3" s="15"/>
      <c r="R3" s="15"/>
      <c r="S3" s="35"/>
      <c r="T3" s="14" t="s">
        <v>12</v>
      </c>
      <c r="U3" s="15"/>
      <c r="V3" s="15"/>
      <c r="W3" s="15"/>
      <c r="X3" s="15"/>
      <c r="Y3" s="15"/>
      <c r="Z3" s="34" t="s">
        <v>0</v>
      </c>
      <c r="AA3" s="16"/>
      <c r="AB3" s="3"/>
      <c r="AC3" s="2"/>
    </row>
    <row r="4" spans="2:36" ht="12" customHeight="1" x14ac:dyDescent="0.15">
      <c r="B4" s="10"/>
      <c r="C4" s="11"/>
      <c r="D4" s="11"/>
      <c r="E4" s="11"/>
      <c r="F4" s="11"/>
      <c r="G4" s="12"/>
      <c r="H4" s="17"/>
      <c r="I4" s="11"/>
      <c r="J4" s="11"/>
      <c r="K4" s="11"/>
      <c r="L4" s="11"/>
      <c r="M4" s="12"/>
      <c r="N4" s="17"/>
      <c r="O4" s="11"/>
      <c r="P4" s="11"/>
      <c r="Q4" s="11"/>
      <c r="R4" s="11"/>
      <c r="S4" s="12"/>
      <c r="T4" s="17"/>
      <c r="U4" s="11"/>
      <c r="V4" s="11"/>
      <c r="W4" s="11"/>
      <c r="X4" s="11"/>
      <c r="Y4" s="11"/>
      <c r="Z4" s="10"/>
      <c r="AA4" s="18"/>
      <c r="AB4" s="3"/>
      <c r="AC4" s="2"/>
    </row>
    <row r="5" spans="2:36" ht="12" customHeight="1" x14ac:dyDescent="0.15">
      <c r="B5" s="10" t="s">
        <v>17</v>
      </c>
      <c r="C5" s="11"/>
      <c r="D5" s="11"/>
      <c r="E5" s="11"/>
      <c r="F5" s="11"/>
      <c r="G5" s="12"/>
      <c r="H5" s="17" t="s">
        <v>18</v>
      </c>
      <c r="I5" s="11"/>
      <c r="J5" s="11"/>
      <c r="K5" s="11"/>
      <c r="L5" s="11"/>
      <c r="M5" s="12"/>
      <c r="N5" s="17" t="s">
        <v>19</v>
      </c>
      <c r="O5" s="11"/>
      <c r="P5" s="11"/>
      <c r="Q5" s="11"/>
      <c r="R5" s="11"/>
      <c r="S5" s="12"/>
      <c r="T5" s="17" t="s">
        <v>20</v>
      </c>
      <c r="U5" s="11"/>
      <c r="V5" s="11"/>
      <c r="W5" s="11"/>
      <c r="X5" s="11"/>
      <c r="Y5" s="11"/>
      <c r="Z5" s="10"/>
      <c r="AA5" s="18"/>
      <c r="AB5" s="3"/>
      <c r="AC5" s="2"/>
    </row>
    <row r="6" spans="2:36" ht="12" customHeight="1" thickBot="1" x14ac:dyDescent="0.2">
      <c r="B6" s="36"/>
      <c r="C6" s="23"/>
      <c r="D6" s="23"/>
      <c r="E6" s="23"/>
      <c r="F6" s="23"/>
      <c r="G6" s="37"/>
      <c r="H6" s="22"/>
      <c r="I6" s="23"/>
      <c r="J6" s="23"/>
      <c r="K6" s="23"/>
      <c r="L6" s="23"/>
      <c r="M6" s="37"/>
      <c r="N6" s="22"/>
      <c r="O6" s="23"/>
      <c r="P6" s="23"/>
      <c r="Q6" s="23"/>
      <c r="R6" s="23"/>
      <c r="S6" s="37"/>
      <c r="T6" s="22"/>
      <c r="U6" s="23"/>
      <c r="V6" s="23"/>
      <c r="W6" s="23"/>
      <c r="X6" s="23"/>
      <c r="Y6" s="23"/>
      <c r="Z6" s="36"/>
      <c r="AA6" s="24"/>
      <c r="AB6" s="3"/>
      <c r="AC6" s="2"/>
    </row>
    <row r="7" spans="2:36" ht="12" customHeight="1" thickBot="1" x14ac:dyDescent="0.2"/>
    <row r="8" spans="2:36" ht="12" customHeight="1" x14ac:dyDescent="0.15">
      <c r="B8" s="34" t="s">
        <v>15</v>
      </c>
      <c r="C8" s="15"/>
      <c r="D8" s="35"/>
      <c r="E8" s="14"/>
      <c r="F8" s="15"/>
      <c r="G8" s="15"/>
      <c r="H8" s="15"/>
      <c r="I8" s="15"/>
      <c r="J8" s="15"/>
      <c r="K8" s="15"/>
      <c r="L8" s="15"/>
      <c r="M8" s="15"/>
      <c r="N8" s="15"/>
      <c r="O8" s="14" t="s">
        <v>16</v>
      </c>
      <c r="P8" s="15"/>
      <c r="Q8" s="35"/>
      <c r="R8" s="15"/>
      <c r="S8" s="15"/>
      <c r="T8" s="15"/>
      <c r="U8" s="15"/>
      <c r="V8" s="15"/>
      <c r="W8" s="15"/>
      <c r="X8" s="15"/>
      <c r="Y8" s="15"/>
      <c r="Z8" s="15"/>
      <c r="AA8" s="15"/>
      <c r="AB8" s="14" t="s">
        <v>13</v>
      </c>
      <c r="AC8" s="35"/>
      <c r="AD8" s="14"/>
      <c r="AE8" s="15"/>
      <c r="AF8" s="15"/>
      <c r="AG8" s="15"/>
      <c r="AH8" s="15"/>
      <c r="AI8" s="15"/>
      <c r="AJ8" s="16"/>
    </row>
    <row r="9" spans="2:36" ht="12" customHeight="1" x14ac:dyDescent="0.15">
      <c r="B9" s="10"/>
      <c r="C9" s="11"/>
      <c r="D9" s="12"/>
      <c r="E9" s="17"/>
      <c r="F9" s="11"/>
      <c r="G9" s="11"/>
      <c r="H9" s="11"/>
      <c r="I9" s="11"/>
      <c r="J9" s="11"/>
      <c r="K9" s="11"/>
      <c r="L9" s="11"/>
      <c r="M9" s="11"/>
      <c r="N9" s="11"/>
      <c r="O9" s="17"/>
      <c r="P9" s="11"/>
      <c r="Q9" s="12"/>
      <c r="R9" s="11"/>
      <c r="S9" s="11"/>
      <c r="T9" s="11"/>
      <c r="U9" s="11"/>
      <c r="V9" s="11"/>
      <c r="W9" s="11"/>
      <c r="X9" s="11"/>
      <c r="Y9" s="11"/>
      <c r="Z9" s="11"/>
      <c r="AA9" s="11"/>
      <c r="AB9" s="17"/>
      <c r="AC9" s="12"/>
      <c r="AD9" s="17"/>
      <c r="AE9" s="11"/>
      <c r="AF9" s="11"/>
      <c r="AG9" s="11"/>
      <c r="AH9" s="11"/>
      <c r="AI9" s="11"/>
      <c r="AJ9" s="18"/>
    </row>
    <row r="10" spans="2:36" ht="12" customHeight="1" x14ac:dyDescent="0.15">
      <c r="B10" s="10"/>
      <c r="C10" s="11"/>
      <c r="D10" s="12"/>
      <c r="E10" s="17"/>
      <c r="F10" s="11"/>
      <c r="G10" s="11"/>
      <c r="H10" s="11"/>
      <c r="I10" s="11"/>
      <c r="J10" s="11"/>
      <c r="K10" s="11"/>
      <c r="L10" s="11"/>
      <c r="M10" s="11"/>
      <c r="N10" s="11"/>
      <c r="O10" s="17"/>
      <c r="P10" s="11"/>
      <c r="Q10" s="12"/>
      <c r="R10" s="11"/>
      <c r="S10" s="11"/>
      <c r="T10" s="11"/>
      <c r="U10" s="11"/>
      <c r="V10" s="11"/>
      <c r="W10" s="11"/>
      <c r="X10" s="11"/>
      <c r="Y10" s="11"/>
      <c r="Z10" s="11"/>
      <c r="AA10" s="11"/>
      <c r="AB10" s="19" t="s">
        <v>14</v>
      </c>
      <c r="AC10" s="38"/>
      <c r="AD10" s="19"/>
      <c r="AE10" s="20"/>
      <c r="AF10" s="20"/>
      <c r="AG10" s="20"/>
      <c r="AH10" s="20"/>
      <c r="AI10" s="20"/>
      <c r="AJ10" s="21"/>
    </row>
    <row r="11" spans="2:36" ht="12" customHeight="1" thickBot="1" x14ac:dyDescent="0.2">
      <c r="B11" s="36"/>
      <c r="C11" s="23"/>
      <c r="D11" s="37"/>
      <c r="E11" s="22"/>
      <c r="F11" s="23"/>
      <c r="G11" s="23"/>
      <c r="H11" s="23"/>
      <c r="I11" s="23"/>
      <c r="J11" s="23"/>
      <c r="K11" s="23"/>
      <c r="L11" s="23"/>
      <c r="M11" s="23"/>
      <c r="N11" s="23"/>
      <c r="O11" s="22"/>
      <c r="P11" s="23"/>
      <c r="Q11" s="37"/>
      <c r="R11" s="23"/>
      <c r="S11" s="23"/>
      <c r="T11" s="23"/>
      <c r="U11" s="23"/>
      <c r="V11" s="23"/>
      <c r="W11" s="23"/>
      <c r="X11" s="23"/>
      <c r="Y11" s="23"/>
      <c r="Z11" s="23"/>
      <c r="AA11" s="23"/>
      <c r="AB11" s="22"/>
      <c r="AC11" s="37"/>
      <c r="AD11" s="22"/>
      <c r="AE11" s="23"/>
      <c r="AF11" s="23"/>
      <c r="AG11" s="23"/>
      <c r="AH11" s="23"/>
      <c r="AI11" s="23"/>
      <c r="AJ11" s="24"/>
    </row>
    <row r="12" spans="2:36" ht="12" customHeight="1" x14ac:dyDescent="0.15">
      <c r="B12" s="15" t="s">
        <v>2</v>
      </c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5"/>
      <c r="P12" s="15"/>
      <c r="Q12" s="15"/>
      <c r="R12" s="15"/>
      <c r="S12" s="15"/>
      <c r="T12" s="15"/>
      <c r="U12" s="15"/>
    </row>
    <row r="13" spans="2:36" ht="12" customHeight="1" thickBot="1" x14ac:dyDescent="0.2">
      <c r="B13" s="23"/>
      <c r="C13" s="23"/>
      <c r="D13" s="23"/>
      <c r="E13" s="23"/>
      <c r="F13" s="23"/>
      <c r="G13" s="23"/>
      <c r="H13" s="23"/>
      <c r="I13" s="23"/>
      <c r="J13" s="23"/>
      <c r="K13" s="23"/>
      <c r="L13" s="23"/>
      <c r="M13" s="23"/>
      <c r="N13" s="23"/>
      <c r="O13" s="23"/>
      <c r="P13" s="23"/>
      <c r="Q13" s="23"/>
      <c r="R13" s="23"/>
      <c r="S13" s="23"/>
      <c r="T13" s="23"/>
      <c r="U13" s="23"/>
    </row>
    <row r="14" spans="2:36" ht="23.1" customHeight="1" x14ac:dyDescent="0.15">
      <c r="B14" s="48" t="s">
        <v>21</v>
      </c>
      <c r="C14" s="41"/>
      <c r="D14" s="39"/>
      <c r="E14" s="40"/>
      <c r="F14" s="40"/>
      <c r="G14" s="40"/>
      <c r="H14" s="40"/>
      <c r="I14" s="40"/>
      <c r="J14" s="41"/>
      <c r="K14" s="39" t="s">
        <v>3</v>
      </c>
      <c r="L14" s="40"/>
      <c r="M14" s="40"/>
      <c r="N14" s="40"/>
      <c r="O14" s="40"/>
      <c r="P14" s="40"/>
      <c r="Q14" s="40"/>
      <c r="R14" s="40"/>
      <c r="S14" s="40"/>
      <c r="T14" s="40"/>
      <c r="U14" s="40"/>
      <c r="V14" s="40"/>
      <c r="W14" s="40"/>
      <c r="X14" s="40"/>
      <c r="Y14" s="40"/>
      <c r="Z14" s="40"/>
      <c r="AA14" s="40"/>
      <c r="AB14" s="41"/>
      <c r="AC14" s="52" t="s">
        <v>29</v>
      </c>
      <c r="AD14" s="53"/>
      <c r="AE14" s="53"/>
      <c r="AF14" s="53"/>
      <c r="AG14" s="53"/>
      <c r="AH14" s="53"/>
      <c r="AI14" s="53"/>
      <c r="AJ14" s="54"/>
    </row>
    <row r="15" spans="2:36" ht="23.1" customHeight="1" x14ac:dyDescent="0.15">
      <c r="B15" s="10" t="s">
        <v>7</v>
      </c>
      <c r="C15" s="11"/>
      <c r="D15" s="11"/>
      <c r="E15" s="11"/>
      <c r="F15" s="11"/>
      <c r="G15" s="11"/>
      <c r="H15" s="11"/>
      <c r="I15" s="11"/>
      <c r="J15" s="12"/>
      <c r="K15" s="49" t="s">
        <v>4</v>
      </c>
      <c r="L15" s="50"/>
      <c r="M15" s="50"/>
      <c r="N15" s="50"/>
      <c r="O15" s="50"/>
      <c r="P15" s="50"/>
      <c r="Q15" s="50"/>
      <c r="R15" s="50"/>
      <c r="S15" s="50"/>
      <c r="T15" s="50"/>
      <c r="U15" s="50"/>
      <c r="V15" s="50"/>
      <c r="W15" s="50"/>
      <c r="X15" s="50"/>
      <c r="Y15" s="50"/>
      <c r="Z15" s="50"/>
      <c r="AA15" s="50"/>
      <c r="AB15" s="51"/>
      <c r="AC15" s="28" t="s">
        <v>30</v>
      </c>
      <c r="AD15" s="29"/>
      <c r="AE15" s="29"/>
      <c r="AF15" s="29"/>
      <c r="AG15" s="29"/>
      <c r="AH15" s="29"/>
      <c r="AI15" s="29"/>
      <c r="AJ15" s="30"/>
    </row>
    <row r="16" spans="2:36" ht="23.1" customHeight="1" x14ac:dyDescent="0.15">
      <c r="B16" s="45" t="s">
        <v>8</v>
      </c>
      <c r="C16" s="46"/>
      <c r="D16" s="46"/>
      <c r="E16" s="46"/>
      <c r="F16" s="46"/>
      <c r="G16" s="46"/>
      <c r="H16" s="46"/>
      <c r="I16" s="46"/>
      <c r="J16" s="47"/>
      <c r="K16" s="49" t="s">
        <v>22</v>
      </c>
      <c r="L16" s="50"/>
      <c r="M16" s="51"/>
      <c r="N16" s="43" t="s">
        <v>23</v>
      </c>
      <c r="O16" s="43"/>
      <c r="P16" s="43"/>
      <c r="Q16" s="50"/>
      <c r="R16" s="50"/>
      <c r="S16" s="51"/>
      <c r="T16" s="49" t="s">
        <v>24</v>
      </c>
      <c r="U16" s="50"/>
      <c r="V16" s="50"/>
      <c r="W16" s="50"/>
      <c r="X16" s="51"/>
      <c r="Y16" s="43" t="s">
        <v>25</v>
      </c>
      <c r="Z16" s="50"/>
      <c r="AA16" s="50"/>
      <c r="AB16" s="50"/>
      <c r="AC16" s="31" t="s">
        <v>28</v>
      </c>
      <c r="AD16" s="32"/>
      <c r="AE16" s="32"/>
      <c r="AF16" s="32"/>
      <c r="AG16" s="32"/>
      <c r="AH16" s="32"/>
      <c r="AI16" s="32"/>
      <c r="AJ16" s="33"/>
    </row>
    <row r="17" spans="2:37" ht="23.1" customHeight="1" x14ac:dyDescent="0.15">
      <c r="B17" s="25"/>
      <c r="C17" s="26"/>
      <c r="D17" s="26"/>
      <c r="E17" s="26"/>
      <c r="F17" s="26"/>
      <c r="G17" s="26"/>
      <c r="H17" s="26"/>
      <c r="I17" s="26"/>
      <c r="J17" s="27"/>
      <c r="K17" s="42"/>
      <c r="L17" s="43"/>
      <c r="M17" s="43"/>
      <c r="N17" s="42"/>
      <c r="O17" s="43"/>
      <c r="P17" s="43"/>
      <c r="Q17" s="43"/>
      <c r="R17" s="43"/>
      <c r="S17" s="44"/>
      <c r="T17" s="42"/>
      <c r="U17" s="43"/>
      <c r="V17" s="43"/>
      <c r="W17" s="43"/>
      <c r="X17" s="44"/>
      <c r="Y17" s="42"/>
      <c r="Z17" s="43"/>
      <c r="AA17" s="43"/>
      <c r="AB17" s="44"/>
      <c r="AC17" s="31" t="s">
        <v>27</v>
      </c>
      <c r="AD17" s="32"/>
      <c r="AE17" s="32"/>
      <c r="AF17" s="32"/>
      <c r="AG17" s="32"/>
      <c r="AH17" s="32"/>
      <c r="AI17" s="32"/>
      <c r="AJ17" s="33"/>
    </row>
    <row r="18" spans="2:37" ht="23.1" customHeight="1" x14ac:dyDescent="0.15">
      <c r="B18" s="10"/>
      <c r="C18" s="11"/>
      <c r="D18" s="11"/>
      <c r="E18" s="11"/>
      <c r="F18" s="11"/>
      <c r="G18" s="11"/>
      <c r="H18" s="11"/>
      <c r="I18" s="11"/>
      <c r="J18" s="12"/>
      <c r="K18" s="17"/>
      <c r="L18" s="11"/>
      <c r="M18" s="11"/>
      <c r="N18" s="17"/>
      <c r="O18" s="11"/>
      <c r="P18" s="11"/>
      <c r="Q18" s="11"/>
      <c r="R18" s="11"/>
      <c r="S18" s="12"/>
      <c r="T18" s="17"/>
      <c r="U18" s="11"/>
      <c r="V18" s="11"/>
      <c r="W18" s="11"/>
      <c r="X18" s="12"/>
      <c r="Y18" s="17"/>
      <c r="Z18" s="11"/>
      <c r="AA18" s="11"/>
      <c r="AB18" s="12"/>
      <c r="AC18" s="31" t="s">
        <v>26</v>
      </c>
      <c r="AD18" s="32"/>
      <c r="AE18" s="32"/>
      <c r="AF18" s="32"/>
      <c r="AG18" s="32"/>
      <c r="AH18" s="32"/>
      <c r="AI18" s="32"/>
      <c r="AJ18" s="33"/>
    </row>
    <row r="19" spans="2:37" ht="23.1" customHeight="1" x14ac:dyDescent="0.15">
      <c r="B19" s="10"/>
      <c r="C19" s="11"/>
      <c r="D19" s="11"/>
      <c r="E19" s="11"/>
      <c r="F19" s="11"/>
      <c r="G19" s="11"/>
      <c r="H19" s="11"/>
      <c r="I19" s="11"/>
      <c r="J19" s="12"/>
      <c r="K19" s="17"/>
      <c r="L19" s="11"/>
      <c r="M19" s="11"/>
      <c r="N19" s="17"/>
      <c r="O19" s="11"/>
      <c r="P19" s="11"/>
      <c r="Q19" s="11"/>
      <c r="R19" s="11"/>
      <c r="S19" s="12"/>
      <c r="T19" s="17"/>
      <c r="U19" s="11"/>
      <c r="V19" s="11"/>
      <c r="W19" s="11"/>
      <c r="X19" s="12"/>
      <c r="Y19" s="17"/>
      <c r="Z19" s="11"/>
      <c r="AA19" s="11"/>
      <c r="AB19" s="12"/>
      <c r="AC19" s="31" t="s">
        <v>31</v>
      </c>
      <c r="AD19" s="32"/>
      <c r="AE19" s="32"/>
      <c r="AF19" s="32"/>
      <c r="AG19" s="32"/>
      <c r="AH19" s="32"/>
      <c r="AI19" s="32"/>
      <c r="AJ19" s="33"/>
    </row>
    <row r="20" spans="2:37" ht="23.1" customHeight="1" x14ac:dyDescent="0.15">
      <c r="B20" s="10"/>
      <c r="C20" s="11"/>
      <c r="D20" s="11"/>
      <c r="E20" s="11"/>
      <c r="F20" s="11"/>
      <c r="G20" s="11"/>
      <c r="H20" s="11"/>
      <c r="I20" s="11"/>
      <c r="J20" s="12"/>
      <c r="K20" s="17"/>
      <c r="L20" s="11"/>
      <c r="M20" s="11"/>
      <c r="N20" s="17"/>
      <c r="O20" s="11"/>
      <c r="P20" s="11"/>
      <c r="Q20" s="11"/>
      <c r="R20" s="11"/>
      <c r="S20" s="12"/>
      <c r="T20" s="17"/>
      <c r="U20" s="11"/>
      <c r="V20" s="11"/>
      <c r="W20" s="11"/>
      <c r="X20" s="12"/>
      <c r="Y20" s="17"/>
      <c r="Z20" s="11"/>
      <c r="AA20" s="11"/>
      <c r="AB20" s="12"/>
      <c r="AC20" s="31" t="s">
        <v>32</v>
      </c>
      <c r="AD20" s="32"/>
      <c r="AE20" s="32"/>
      <c r="AF20" s="32"/>
      <c r="AG20" s="32"/>
      <c r="AH20" s="32"/>
      <c r="AI20" s="32"/>
      <c r="AJ20" s="33"/>
    </row>
    <row r="21" spans="2:37" ht="23.1" customHeight="1" thickBot="1" x14ac:dyDescent="0.2">
      <c r="B21" s="36"/>
      <c r="C21" s="23"/>
      <c r="D21" s="23"/>
      <c r="E21" s="23"/>
      <c r="F21" s="23"/>
      <c r="G21" s="23"/>
      <c r="H21" s="23"/>
      <c r="I21" s="23"/>
      <c r="J21" s="37"/>
      <c r="K21" s="17"/>
      <c r="L21" s="11"/>
      <c r="M21" s="12"/>
      <c r="N21" s="17"/>
      <c r="O21" s="11"/>
      <c r="P21" s="11"/>
      <c r="Q21" s="11"/>
      <c r="R21" s="11"/>
      <c r="S21" s="12"/>
      <c r="T21" s="17"/>
      <c r="U21" s="11"/>
      <c r="V21" s="11"/>
      <c r="W21" s="11"/>
      <c r="X21" s="12"/>
      <c r="Y21" s="17"/>
      <c r="Z21" s="11"/>
      <c r="AA21" s="11"/>
      <c r="AB21" s="12"/>
      <c r="AC21" s="31" t="s">
        <v>34</v>
      </c>
      <c r="AD21" s="32"/>
      <c r="AE21" s="32"/>
      <c r="AF21" s="32"/>
      <c r="AG21" s="32"/>
      <c r="AH21" s="32"/>
      <c r="AI21" s="32"/>
      <c r="AJ21" s="33"/>
    </row>
    <row r="22" spans="2:37" ht="23.1" customHeight="1" x14ac:dyDescent="0.15">
      <c r="B22" s="48" t="s">
        <v>33</v>
      </c>
      <c r="C22" s="41"/>
      <c r="D22" s="40"/>
      <c r="E22" s="40"/>
      <c r="F22" s="40"/>
      <c r="G22" s="40"/>
      <c r="H22" s="40"/>
      <c r="I22" s="40"/>
      <c r="J22" s="40"/>
      <c r="K22" s="39" t="s">
        <v>3</v>
      </c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  <c r="W22" s="40"/>
      <c r="X22" s="40"/>
      <c r="Y22" s="40"/>
      <c r="Z22" s="40"/>
      <c r="AA22" s="40"/>
      <c r="AB22" s="41"/>
      <c r="AC22" s="4" t="s">
        <v>29</v>
      </c>
      <c r="AD22" s="5"/>
      <c r="AE22" s="5"/>
      <c r="AF22" s="5"/>
      <c r="AG22" s="5"/>
      <c r="AH22" s="5"/>
      <c r="AI22" s="5"/>
      <c r="AJ22" s="6"/>
      <c r="AK22" s="1"/>
    </row>
    <row r="23" spans="2:37" ht="23.1" customHeight="1" x14ac:dyDescent="0.15">
      <c r="B23" s="10" t="s">
        <v>7</v>
      </c>
      <c r="C23" s="11"/>
      <c r="D23" s="11"/>
      <c r="E23" s="11"/>
      <c r="F23" s="11"/>
      <c r="G23" s="11"/>
      <c r="H23" s="11"/>
      <c r="I23" s="11"/>
      <c r="J23" s="12"/>
      <c r="K23" s="58" t="s">
        <v>4</v>
      </c>
      <c r="L23" s="46"/>
      <c r="M23" s="46"/>
      <c r="N23" s="46"/>
      <c r="O23" s="46"/>
      <c r="P23" s="46"/>
      <c r="Q23" s="46"/>
      <c r="R23" s="46"/>
      <c r="S23" s="46"/>
      <c r="T23" s="46"/>
      <c r="U23" s="46"/>
      <c r="V23" s="46"/>
      <c r="W23" s="46"/>
      <c r="X23" s="46"/>
      <c r="Y23" s="46"/>
      <c r="Z23" s="46"/>
      <c r="AA23" s="46"/>
      <c r="AB23" s="47"/>
      <c r="AC23" s="7" t="s">
        <v>30</v>
      </c>
      <c r="AD23" s="8"/>
      <c r="AE23" s="8"/>
      <c r="AF23" s="8"/>
      <c r="AG23" s="8"/>
      <c r="AH23" s="8"/>
      <c r="AI23" s="8"/>
      <c r="AJ23" s="9"/>
      <c r="AK23" s="1"/>
    </row>
    <row r="24" spans="2:37" ht="23.1" customHeight="1" x14ac:dyDescent="0.15">
      <c r="B24" s="45" t="s">
        <v>8</v>
      </c>
      <c r="C24" s="46"/>
      <c r="D24" s="46"/>
      <c r="E24" s="46"/>
      <c r="F24" s="46"/>
      <c r="G24" s="46"/>
      <c r="H24" s="46"/>
      <c r="I24" s="46"/>
      <c r="J24" s="47"/>
      <c r="K24" s="49" t="s">
        <v>22</v>
      </c>
      <c r="L24" s="50"/>
      <c r="M24" s="51"/>
      <c r="N24" s="43" t="s">
        <v>5</v>
      </c>
      <c r="O24" s="43"/>
      <c r="P24" s="43"/>
      <c r="Q24" s="50"/>
      <c r="R24" s="50"/>
      <c r="S24" s="51"/>
      <c r="T24" s="49" t="s">
        <v>24</v>
      </c>
      <c r="U24" s="50"/>
      <c r="V24" s="50"/>
      <c r="W24" s="50"/>
      <c r="X24" s="51"/>
      <c r="Y24" s="43" t="s">
        <v>6</v>
      </c>
      <c r="Z24" s="50"/>
      <c r="AA24" s="50"/>
      <c r="AB24" s="50"/>
      <c r="AC24" s="59" t="s">
        <v>28</v>
      </c>
      <c r="AD24" s="60"/>
      <c r="AE24" s="60"/>
      <c r="AF24" s="60"/>
      <c r="AG24" s="60"/>
      <c r="AH24" s="60"/>
      <c r="AI24" s="60"/>
      <c r="AJ24" s="61"/>
      <c r="AK24" s="1"/>
    </row>
    <row r="25" spans="2:37" ht="23.1" customHeight="1" x14ac:dyDescent="0.15">
      <c r="B25" s="25"/>
      <c r="C25" s="26"/>
      <c r="D25" s="26"/>
      <c r="E25" s="26"/>
      <c r="F25" s="26"/>
      <c r="G25" s="26"/>
      <c r="H25" s="26"/>
      <c r="I25" s="26"/>
      <c r="J25" s="27"/>
      <c r="K25" s="42"/>
      <c r="L25" s="43"/>
      <c r="M25" s="43"/>
      <c r="N25" s="42"/>
      <c r="O25" s="43"/>
      <c r="P25" s="43"/>
      <c r="Q25" s="43"/>
      <c r="R25" s="43"/>
      <c r="S25" s="44"/>
      <c r="T25" s="42"/>
      <c r="U25" s="43"/>
      <c r="V25" s="43"/>
      <c r="W25" s="43"/>
      <c r="X25" s="44"/>
      <c r="Y25" s="42"/>
      <c r="Z25" s="43"/>
      <c r="AA25" s="43"/>
      <c r="AB25" s="44"/>
      <c r="AC25" s="59" t="s">
        <v>27</v>
      </c>
      <c r="AD25" s="60"/>
      <c r="AE25" s="60"/>
      <c r="AF25" s="60"/>
      <c r="AG25" s="60"/>
      <c r="AH25" s="60"/>
      <c r="AI25" s="60"/>
      <c r="AJ25" s="61"/>
      <c r="AK25" s="1"/>
    </row>
    <row r="26" spans="2:37" ht="23.1" customHeight="1" x14ac:dyDescent="0.15">
      <c r="B26" s="10"/>
      <c r="C26" s="11"/>
      <c r="D26" s="11"/>
      <c r="E26" s="11"/>
      <c r="F26" s="11"/>
      <c r="G26" s="11"/>
      <c r="H26" s="11"/>
      <c r="I26" s="11"/>
      <c r="J26" s="12"/>
      <c r="K26" s="17"/>
      <c r="L26" s="11"/>
      <c r="M26" s="11"/>
      <c r="N26" s="17"/>
      <c r="O26" s="11"/>
      <c r="P26" s="11"/>
      <c r="Q26" s="11"/>
      <c r="R26" s="11"/>
      <c r="S26" s="12"/>
      <c r="T26" s="17"/>
      <c r="U26" s="11"/>
      <c r="V26" s="11"/>
      <c r="W26" s="11"/>
      <c r="X26" s="12"/>
      <c r="Y26" s="17"/>
      <c r="Z26" s="11"/>
      <c r="AA26" s="11"/>
      <c r="AB26" s="12"/>
      <c r="AC26" s="59" t="s">
        <v>26</v>
      </c>
      <c r="AD26" s="60"/>
      <c r="AE26" s="60"/>
      <c r="AF26" s="60"/>
      <c r="AG26" s="60"/>
      <c r="AH26" s="60"/>
      <c r="AI26" s="60"/>
      <c r="AJ26" s="61"/>
      <c r="AK26" s="1"/>
    </row>
    <row r="27" spans="2:37" ht="23.1" customHeight="1" x14ac:dyDescent="0.15">
      <c r="B27" s="10"/>
      <c r="C27" s="11"/>
      <c r="D27" s="11"/>
      <c r="E27" s="11"/>
      <c r="F27" s="11"/>
      <c r="G27" s="11"/>
      <c r="H27" s="11"/>
      <c r="I27" s="11"/>
      <c r="J27" s="12"/>
      <c r="K27" s="17"/>
      <c r="L27" s="11"/>
      <c r="M27" s="11"/>
      <c r="N27" s="17"/>
      <c r="O27" s="11"/>
      <c r="P27" s="11"/>
      <c r="Q27" s="11"/>
      <c r="R27" s="11"/>
      <c r="S27" s="12"/>
      <c r="T27" s="17"/>
      <c r="U27" s="11"/>
      <c r="V27" s="11"/>
      <c r="W27" s="11"/>
      <c r="X27" s="12"/>
      <c r="Y27" s="17"/>
      <c r="Z27" s="11"/>
      <c r="AA27" s="11"/>
      <c r="AB27" s="12"/>
      <c r="AC27" s="59" t="s">
        <v>31</v>
      </c>
      <c r="AD27" s="60"/>
      <c r="AE27" s="60"/>
      <c r="AF27" s="60"/>
      <c r="AG27" s="60"/>
      <c r="AH27" s="60"/>
      <c r="AI27" s="60"/>
      <c r="AJ27" s="61"/>
      <c r="AK27" s="1"/>
    </row>
    <row r="28" spans="2:37" ht="23.1" customHeight="1" x14ac:dyDescent="0.15">
      <c r="B28" s="10"/>
      <c r="C28" s="11"/>
      <c r="D28" s="11"/>
      <c r="E28" s="11"/>
      <c r="F28" s="11"/>
      <c r="G28" s="11"/>
      <c r="H28" s="11"/>
      <c r="I28" s="11"/>
      <c r="J28" s="12"/>
      <c r="K28" s="17"/>
      <c r="L28" s="11"/>
      <c r="M28" s="11"/>
      <c r="N28" s="17"/>
      <c r="O28" s="11"/>
      <c r="P28" s="11"/>
      <c r="Q28" s="11"/>
      <c r="R28" s="11"/>
      <c r="S28" s="12"/>
      <c r="T28" s="17"/>
      <c r="U28" s="11"/>
      <c r="V28" s="11"/>
      <c r="W28" s="11"/>
      <c r="X28" s="12"/>
      <c r="Y28" s="17"/>
      <c r="Z28" s="11"/>
      <c r="AA28" s="11"/>
      <c r="AB28" s="12"/>
      <c r="AC28" s="59" t="s">
        <v>32</v>
      </c>
      <c r="AD28" s="60"/>
      <c r="AE28" s="60"/>
      <c r="AF28" s="60"/>
      <c r="AG28" s="60"/>
      <c r="AH28" s="60"/>
      <c r="AI28" s="60"/>
      <c r="AJ28" s="61"/>
      <c r="AK28" s="1"/>
    </row>
    <row r="29" spans="2:37" ht="23.1" customHeight="1" thickBot="1" x14ac:dyDescent="0.2">
      <c r="B29" s="36"/>
      <c r="C29" s="23"/>
      <c r="D29" s="23"/>
      <c r="E29" s="23"/>
      <c r="F29" s="23"/>
      <c r="G29" s="23"/>
      <c r="H29" s="23"/>
      <c r="I29" s="23"/>
      <c r="J29" s="37"/>
      <c r="K29" s="22"/>
      <c r="L29" s="23"/>
      <c r="M29" s="37"/>
      <c r="N29" s="22"/>
      <c r="O29" s="23"/>
      <c r="P29" s="23"/>
      <c r="Q29" s="23"/>
      <c r="R29" s="23"/>
      <c r="S29" s="37"/>
      <c r="T29" s="22"/>
      <c r="U29" s="23"/>
      <c r="V29" s="23"/>
      <c r="W29" s="23"/>
      <c r="X29" s="37"/>
      <c r="Y29" s="22"/>
      <c r="Z29" s="23"/>
      <c r="AA29" s="23"/>
      <c r="AB29" s="37"/>
      <c r="AC29" s="55" t="s">
        <v>34</v>
      </c>
      <c r="AD29" s="56"/>
      <c r="AE29" s="56"/>
      <c r="AF29" s="56"/>
      <c r="AG29" s="56"/>
      <c r="AH29" s="56"/>
      <c r="AI29" s="56"/>
      <c r="AJ29" s="57"/>
    </row>
    <row r="30" spans="2:37" ht="15" customHeight="1" x14ac:dyDescent="0.15"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</row>
    <row r="31" spans="2:37" ht="15" customHeight="1" x14ac:dyDescent="0.15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</row>
    <row r="32" spans="2:37" ht="15" customHeight="1" x14ac:dyDescent="0.15"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</row>
    <row r="33" spans="2:36" ht="15" customHeight="1" x14ac:dyDescent="0.15"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</row>
    <row r="34" spans="2:36" ht="15" customHeight="1" x14ac:dyDescent="0.15"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</row>
    <row r="35" spans="2:36" ht="12" customHeight="1" x14ac:dyDescent="0.15"/>
    <row r="36" spans="2:36" ht="12" customHeight="1" x14ac:dyDescent="0.15"/>
    <row r="37" spans="2:36" ht="12" customHeight="1" x14ac:dyDescent="0.15"/>
    <row r="38" spans="2:36" ht="12" customHeight="1" x14ac:dyDescent="0.15"/>
    <row r="39" spans="2:36" ht="12" customHeight="1" x14ac:dyDescent="0.15"/>
    <row r="40" spans="2:36" ht="12" customHeight="1" x14ac:dyDescent="0.15"/>
    <row r="41" spans="2:36" ht="12" customHeight="1" x14ac:dyDescent="0.15"/>
    <row r="42" spans="2:36" ht="12" customHeight="1" x14ac:dyDescent="0.15"/>
    <row r="43" spans="2:36" ht="12" customHeight="1" x14ac:dyDescent="0.15"/>
    <row r="44" spans="2:36" ht="12" customHeight="1" x14ac:dyDescent="0.15"/>
    <row r="45" spans="2:36" ht="12" customHeight="1" x14ac:dyDescent="0.15"/>
    <row r="46" spans="2:36" ht="12" customHeight="1" x14ac:dyDescent="0.15"/>
    <row r="47" spans="2:36" ht="12" customHeight="1" x14ac:dyDescent="0.15"/>
    <row r="48" spans="2:36" ht="12" customHeight="1" x14ac:dyDescent="0.15"/>
    <row r="49" ht="12" customHeight="1" x14ac:dyDescent="0.15"/>
    <row r="50" ht="12" customHeight="1" x14ac:dyDescent="0.15"/>
    <row r="51" ht="12" customHeight="1" x14ac:dyDescent="0.15"/>
    <row r="52" ht="12" customHeight="1" x14ac:dyDescent="0.15"/>
    <row r="53" ht="12" customHeight="1" x14ac:dyDescent="0.15"/>
    <row r="54" ht="12" customHeight="1" x14ac:dyDescent="0.15"/>
    <row r="55" ht="12" customHeight="1" x14ac:dyDescent="0.15"/>
    <row r="56" ht="12" customHeight="1" x14ac:dyDescent="0.15"/>
    <row r="57" ht="12" customHeight="1" x14ac:dyDescent="0.15"/>
    <row r="58" ht="12" customHeight="1" x14ac:dyDescent="0.15"/>
    <row r="59" ht="12" customHeight="1" x14ac:dyDescent="0.15"/>
    <row r="60" ht="12" customHeight="1" x14ac:dyDescent="0.15"/>
    <row r="61" ht="12" customHeight="1" x14ac:dyDescent="0.15"/>
    <row r="62" ht="12" customHeight="1" x14ac:dyDescent="0.15"/>
    <row r="63" ht="12" customHeight="1" x14ac:dyDescent="0.15"/>
    <row r="64" ht="12" customHeight="1" x14ac:dyDescent="0.15"/>
    <row r="65" ht="12" customHeight="1" x14ac:dyDescent="0.15"/>
    <row r="66" ht="12" customHeight="1" x14ac:dyDescent="0.15"/>
    <row r="67" ht="12" customHeight="1" x14ac:dyDescent="0.15"/>
    <row r="68" ht="12" customHeight="1" x14ac:dyDescent="0.15"/>
    <row r="69" ht="12" customHeight="1" x14ac:dyDescent="0.15"/>
    <row r="70" ht="12" customHeight="1" x14ac:dyDescent="0.15"/>
    <row r="71" ht="12" customHeight="1" x14ac:dyDescent="0.15"/>
    <row r="72" ht="12" customHeight="1" x14ac:dyDescent="0.15"/>
    <row r="73" ht="12" customHeight="1" x14ac:dyDescent="0.15"/>
    <row r="74" ht="12" customHeight="1" x14ac:dyDescent="0.15"/>
    <row r="75" ht="12" customHeight="1" x14ac:dyDescent="0.15"/>
    <row r="76" ht="12" customHeight="1" x14ac:dyDescent="0.15"/>
    <row r="77" ht="12" customHeight="1" x14ac:dyDescent="0.15"/>
    <row r="78" ht="12" customHeight="1" x14ac:dyDescent="0.15"/>
    <row r="79" ht="12" customHeight="1" x14ac:dyDescent="0.15"/>
    <row r="80" ht="12" customHeight="1" x14ac:dyDescent="0.15"/>
    <row r="81" ht="12" customHeight="1" x14ac:dyDescent="0.15"/>
    <row r="82" ht="12" customHeight="1" x14ac:dyDescent="0.15"/>
    <row r="83" ht="12" customHeight="1" x14ac:dyDescent="0.15"/>
    <row r="84" ht="12" customHeight="1" x14ac:dyDescent="0.15"/>
    <row r="85" ht="12" customHeight="1" x14ac:dyDescent="0.15"/>
    <row r="86" ht="12" customHeight="1" x14ac:dyDescent="0.15"/>
    <row r="87" ht="12" customHeight="1" x14ac:dyDescent="0.15"/>
    <row r="88" ht="12" customHeight="1" x14ac:dyDescent="0.15"/>
    <row r="89" ht="12" customHeight="1" x14ac:dyDescent="0.15"/>
    <row r="90" ht="12" customHeight="1" x14ac:dyDescent="0.15"/>
    <row r="91" ht="12" customHeight="1" x14ac:dyDescent="0.15"/>
    <row r="92" ht="12" customHeight="1" x14ac:dyDescent="0.15"/>
    <row r="93" ht="12" customHeight="1" x14ac:dyDescent="0.15"/>
    <row r="94" ht="12" customHeight="1" x14ac:dyDescent="0.15"/>
    <row r="95" ht="12" customHeight="1" x14ac:dyDescent="0.15"/>
    <row r="96" ht="12" customHeight="1" x14ac:dyDescent="0.15"/>
    <row r="97" ht="12" customHeight="1" x14ac:dyDescent="0.15"/>
    <row r="98" ht="12" customHeight="1" x14ac:dyDescent="0.15"/>
    <row r="99" ht="12" customHeight="1" x14ac:dyDescent="0.15"/>
    <row r="100" ht="12" customHeight="1" x14ac:dyDescent="0.15"/>
    <row r="101" ht="12" customHeight="1" x14ac:dyDescent="0.15"/>
    <row r="102" ht="12" customHeight="1" x14ac:dyDescent="0.15"/>
    <row r="103" ht="12" customHeight="1" x14ac:dyDescent="0.15"/>
    <row r="104" ht="12" customHeight="1" x14ac:dyDescent="0.15"/>
    <row r="105" ht="12" customHeight="1" x14ac:dyDescent="0.15"/>
    <row r="106" ht="12" customHeight="1" x14ac:dyDescent="0.15"/>
    <row r="107" ht="12" customHeight="1" x14ac:dyDescent="0.15"/>
    <row r="108" ht="12" customHeight="1" x14ac:dyDescent="0.15"/>
    <row r="109" ht="12" customHeight="1" x14ac:dyDescent="0.15"/>
    <row r="110" ht="12" customHeight="1" x14ac:dyDescent="0.15"/>
    <row r="111" ht="12" customHeight="1" x14ac:dyDescent="0.15"/>
    <row r="112" ht="12" customHeight="1" x14ac:dyDescent="0.15"/>
    <row r="113" ht="12" customHeight="1" x14ac:dyDescent="0.15"/>
    <row r="114" ht="12" customHeight="1" x14ac:dyDescent="0.15"/>
    <row r="115" ht="12" customHeight="1" x14ac:dyDescent="0.15"/>
    <row r="116" ht="12" customHeight="1" x14ac:dyDescent="0.15"/>
    <row r="117" ht="12" customHeight="1" x14ac:dyDescent="0.15"/>
    <row r="118" ht="12" customHeight="1" x14ac:dyDescent="0.15"/>
    <row r="119" ht="12" customHeight="1" x14ac:dyDescent="0.15"/>
    <row r="120" ht="12" customHeight="1" x14ac:dyDescent="0.15"/>
    <row r="121" ht="12" customHeight="1" x14ac:dyDescent="0.15"/>
    <row r="122" ht="12" customHeight="1" x14ac:dyDescent="0.15"/>
    <row r="123" ht="12" customHeight="1" x14ac:dyDescent="0.15"/>
    <row r="124" ht="12" customHeight="1" x14ac:dyDescent="0.15"/>
    <row r="125" ht="12" customHeight="1" x14ac:dyDescent="0.15"/>
    <row r="126" ht="12" customHeight="1" x14ac:dyDescent="0.15"/>
    <row r="127" ht="12" customHeight="1" x14ac:dyDescent="0.15"/>
    <row r="128" ht="12" customHeight="1" x14ac:dyDescent="0.15"/>
    <row r="129" ht="12" customHeight="1" x14ac:dyDescent="0.15"/>
    <row r="130" ht="12" customHeight="1" x14ac:dyDescent="0.15"/>
    <row r="131" ht="12" customHeight="1" x14ac:dyDescent="0.15"/>
    <row r="132" ht="12" customHeight="1" x14ac:dyDescent="0.15"/>
    <row r="133" ht="12" customHeight="1" x14ac:dyDescent="0.15"/>
    <row r="134" ht="12" customHeight="1" x14ac:dyDescent="0.15"/>
    <row r="135" ht="12" customHeight="1" x14ac:dyDescent="0.15"/>
    <row r="136" ht="12" customHeight="1" x14ac:dyDescent="0.15"/>
    <row r="137" ht="12" customHeight="1" x14ac:dyDescent="0.15"/>
    <row r="138" ht="12" customHeight="1" x14ac:dyDescent="0.15"/>
    <row r="139" ht="12" customHeight="1" x14ac:dyDescent="0.15"/>
    <row r="140" ht="12" customHeight="1" x14ac:dyDescent="0.15"/>
    <row r="141" ht="12" customHeight="1" x14ac:dyDescent="0.15"/>
    <row r="142" ht="12" customHeight="1" x14ac:dyDescent="0.15"/>
    <row r="143" ht="12" customHeight="1" x14ac:dyDescent="0.15"/>
    <row r="144" ht="12" customHeight="1" x14ac:dyDescent="0.15"/>
    <row r="145" ht="12" customHeight="1" x14ac:dyDescent="0.15"/>
    <row r="146" ht="12" customHeight="1" x14ac:dyDescent="0.15"/>
    <row r="147" ht="12" customHeight="1" x14ac:dyDescent="0.15"/>
    <row r="148" ht="12" customHeight="1" x14ac:dyDescent="0.15"/>
    <row r="149" ht="12" customHeight="1" x14ac:dyDescent="0.15"/>
    <row r="150" ht="12" customHeight="1" x14ac:dyDescent="0.15"/>
    <row r="151" ht="12" customHeight="1" x14ac:dyDescent="0.15"/>
    <row r="152" ht="12" customHeight="1" x14ac:dyDescent="0.15"/>
    <row r="153" ht="12" customHeight="1" x14ac:dyDescent="0.15"/>
    <row r="154" ht="12" customHeight="1" x14ac:dyDescent="0.15"/>
    <row r="155" ht="12" customHeight="1" x14ac:dyDescent="0.15"/>
    <row r="156" ht="12" customHeight="1" x14ac:dyDescent="0.15"/>
    <row r="157" ht="12" customHeight="1" x14ac:dyDescent="0.15"/>
    <row r="158" ht="12" customHeight="1" x14ac:dyDescent="0.15"/>
    <row r="159" ht="12" customHeight="1" x14ac:dyDescent="0.15"/>
    <row r="160" ht="12" customHeight="1" x14ac:dyDescent="0.15"/>
    <row r="161" ht="12" customHeight="1" x14ac:dyDescent="0.15"/>
    <row r="162" ht="12" customHeight="1" x14ac:dyDescent="0.15"/>
    <row r="163" ht="12" customHeight="1" x14ac:dyDescent="0.15"/>
    <row r="164" ht="12" customHeight="1" x14ac:dyDescent="0.15"/>
    <row r="165" ht="12" customHeight="1" x14ac:dyDescent="0.15"/>
    <row r="166" ht="12" customHeight="1" x14ac:dyDescent="0.15"/>
    <row r="167" ht="12" customHeight="1" x14ac:dyDescent="0.15"/>
    <row r="168" ht="12" customHeight="1" x14ac:dyDescent="0.15"/>
    <row r="169" ht="12" customHeight="1" x14ac:dyDescent="0.15"/>
    <row r="170" ht="12" customHeight="1" x14ac:dyDescent="0.15"/>
    <row r="171" ht="12" customHeight="1" x14ac:dyDescent="0.15"/>
    <row r="172" ht="12" customHeight="1" x14ac:dyDescent="0.15"/>
    <row r="173" ht="12" customHeight="1" x14ac:dyDescent="0.15"/>
    <row r="174" ht="12" customHeight="1" x14ac:dyDescent="0.15"/>
    <row r="175" ht="12" customHeight="1" x14ac:dyDescent="0.15"/>
    <row r="176" ht="12" customHeight="1" x14ac:dyDescent="0.15"/>
    <row r="177" ht="12" customHeight="1" x14ac:dyDescent="0.15"/>
    <row r="178" ht="12" customHeight="1" x14ac:dyDescent="0.15"/>
    <row r="179" ht="12" customHeight="1" x14ac:dyDescent="0.15"/>
    <row r="180" ht="12" customHeight="1" x14ac:dyDescent="0.15"/>
    <row r="181" ht="12" customHeight="1" x14ac:dyDescent="0.15"/>
    <row r="182" ht="12" customHeight="1" x14ac:dyDescent="0.15"/>
    <row r="183" ht="12" customHeight="1" x14ac:dyDescent="0.15"/>
    <row r="184" ht="12" customHeight="1" x14ac:dyDescent="0.15"/>
    <row r="185" ht="12" customHeight="1" x14ac:dyDescent="0.15"/>
    <row r="186" ht="12" customHeight="1" x14ac:dyDescent="0.15"/>
    <row r="187" ht="12" customHeight="1" x14ac:dyDescent="0.15"/>
    <row r="188" ht="12" customHeight="1" x14ac:dyDescent="0.15"/>
    <row r="189" ht="12" customHeight="1" x14ac:dyDescent="0.15"/>
    <row r="190" ht="12" customHeight="1" x14ac:dyDescent="0.15"/>
    <row r="191" ht="12" customHeight="1" x14ac:dyDescent="0.15"/>
    <row r="192" ht="12" customHeight="1" x14ac:dyDescent="0.15"/>
    <row r="193" ht="12" customHeight="1" x14ac:dyDescent="0.15"/>
    <row r="194" ht="12" customHeight="1" x14ac:dyDescent="0.15"/>
    <row r="195" ht="12" customHeight="1" x14ac:dyDescent="0.15"/>
    <row r="196" ht="12" customHeight="1" x14ac:dyDescent="0.15"/>
    <row r="197" ht="12" customHeight="1" x14ac:dyDescent="0.15"/>
  </sheetData>
  <mergeCells count="104">
    <mergeCell ref="B29:J29"/>
    <mergeCell ref="AC25:AJ25"/>
    <mergeCell ref="AC26:AJ26"/>
    <mergeCell ref="AC27:AJ27"/>
    <mergeCell ref="AC28:AJ28"/>
    <mergeCell ref="AC24:AJ24"/>
    <mergeCell ref="B22:C22"/>
    <mergeCell ref="K26:M26"/>
    <mergeCell ref="N26:S26"/>
    <mergeCell ref="T26:X26"/>
    <mergeCell ref="Y26:AB26"/>
    <mergeCell ref="K27:M27"/>
    <mergeCell ref="N27:S27"/>
    <mergeCell ref="T27:X27"/>
    <mergeCell ref="Y27:AB27"/>
    <mergeCell ref="B25:J25"/>
    <mergeCell ref="B24:J24"/>
    <mergeCell ref="B26:J26"/>
    <mergeCell ref="B27:J27"/>
    <mergeCell ref="B28:J28"/>
    <mergeCell ref="K25:M25"/>
    <mergeCell ref="N25:S25"/>
    <mergeCell ref="T25:X25"/>
    <mergeCell ref="Y25:AB25"/>
    <mergeCell ref="K23:AB23"/>
    <mergeCell ref="K24:M24"/>
    <mergeCell ref="N24:S24"/>
    <mergeCell ref="T24:X24"/>
    <mergeCell ref="Y24:AB24"/>
    <mergeCell ref="AC29:AJ29"/>
    <mergeCell ref="K28:M28"/>
    <mergeCell ref="N28:S28"/>
    <mergeCell ref="T28:X28"/>
    <mergeCell ref="Y28:AB28"/>
    <mergeCell ref="K29:M29"/>
    <mergeCell ref="N29:S29"/>
    <mergeCell ref="T29:X29"/>
    <mergeCell ref="Y29:AB29"/>
    <mergeCell ref="N17:S17"/>
    <mergeCell ref="N18:S18"/>
    <mergeCell ref="N19:S19"/>
    <mergeCell ref="N20:S20"/>
    <mergeCell ref="N21:S21"/>
    <mergeCell ref="AC14:AJ14"/>
    <mergeCell ref="B18:J18"/>
    <mergeCell ref="B19:J19"/>
    <mergeCell ref="B20:J20"/>
    <mergeCell ref="B21:J21"/>
    <mergeCell ref="T17:X17"/>
    <mergeCell ref="T18:X18"/>
    <mergeCell ref="T19:X19"/>
    <mergeCell ref="T20:X20"/>
    <mergeCell ref="K20:M20"/>
    <mergeCell ref="K21:M21"/>
    <mergeCell ref="T21:X21"/>
    <mergeCell ref="Y21:AB21"/>
    <mergeCell ref="T3:Y4"/>
    <mergeCell ref="T5:Y6"/>
    <mergeCell ref="Z3:AA6"/>
    <mergeCell ref="K22:AB22"/>
    <mergeCell ref="B12:U13"/>
    <mergeCell ref="Y17:AB17"/>
    <mergeCell ref="Y18:AB18"/>
    <mergeCell ref="Y19:AB19"/>
    <mergeCell ref="Y20:AB20"/>
    <mergeCell ref="K17:M17"/>
    <mergeCell ref="K18:M18"/>
    <mergeCell ref="K19:M19"/>
    <mergeCell ref="D22:J22"/>
    <mergeCell ref="B8:D11"/>
    <mergeCell ref="E8:N11"/>
    <mergeCell ref="B15:J15"/>
    <mergeCell ref="B16:J16"/>
    <mergeCell ref="B14:C14"/>
    <mergeCell ref="D14:J14"/>
    <mergeCell ref="K15:AB15"/>
    <mergeCell ref="K16:M16"/>
    <mergeCell ref="N16:S16"/>
    <mergeCell ref="T16:X16"/>
    <mergeCell ref="Y16:AB16"/>
    <mergeCell ref="AC23:AJ23"/>
    <mergeCell ref="B23:J23"/>
    <mergeCell ref="B1:AJ2"/>
    <mergeCell ref="AD8:AJ9"/>
    <mergeCell ref="AD10:AJ11"/>
    <mergeCell ref="B17:J17"/>
    <mergeCell ref="AC15:AJ15"/>
    <mergeCell ref="AC16:AJ16"/>
    <mergeCell ref="AC17:AJ17"/>
    <mergeCell ref="B3:G4"/>
    <mergeCell ref="B5:G6"/>
    <mergeCell ref="H3:M4"/>
    <mergeCell ref="H5:M6"/>
    <mergeCell ref="N3:S4"/>
    <mergeCell ref="N5:S6"/>
    <mergeCell ref="AC18:AJ18"/>
    <mergeCell ref="AC19:AJ19"/>
    <mergeCell ref="AC20:AJ20"/>
    <mergeCell ref="AC21:AJ21"/>
    <mergeCell ref="O8:Q11"/>
    <mergeCell ref="R8:AA11"/>
    <mergeCell ref="AB8:AC9"/>
    <mergeCell ref="AB10:AC11"/>
    <mergeCell ref="K14:AB14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Windows ユーザー</cp:lastModifiedBy>
  <cp:lastPrinted>2024-02-21T00:56:17Z</cp:lastPrinted>
  <dcterms:created xsi:type="dcterms:W3CDTF">2021-01-18T00:08:45Z</dcterms:created>
  <dcterms:modified xsi:type="dcterms:W3CDTF">2024-03-12T04:15:16Z</dcterms:modified>
</cp:coreProperties>
</file>